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7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5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枚</t>
  </si>
  <si>
    <t>丹前下用帯</t>
  </si>
  <si>
    <t>丹前下</t>
  </si>
  <si>
    <t>140×190cm</t>
  </si>
  <si>
    <t>タオルケット</t>
  </si>
  <si>
    <t>55×90cm</t>
  </si>
  <si>
    <t>ピロケース</t>
  </si>
  <si>
    <t>全覆い150×210cm</t>
  </si>
  <si>
    <t>布団カバー</t>
  </si>
  <si>
    <t>平シーツ160×290cm</t>
  </si>
  <si>
    <t>シーツ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リネンサプライ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３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34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33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32</v>
      </c>
      <c r="C5" s="59"/>
      <c r="D5" s="59"/>
      <c r="E5" s="59"/>
      <c r="F5" s="59"/>
      <c r="G5" s="43" t="s">
        <v>31</v>
      </c>
      <c r="H5" s="40"/>
      <c r="J5" s="42" t="s">
        <v>30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9</v>
      </c>
      <c r="C7" s="60"/>
      <c r="D7" s="60"/>
      <c r="H7" s="39"/>
    </row>
    <row r="8" spans="1:10" ht="24.95" customHeight="1" x14ac:dyDescent="0.15">
      <c r="A8" s="61" t="s">
        <v>28</v>
      </c>
      <c r="B8" s="62"/>
      <c r="C8" s="61" t="s">
        <v>27</v>
      </c>
      <c r="D8" s="62"/>
      <c r="E8" s="38" t="s">
        <v>26</v>
      </c>
      <c r="F8" s="36" t="s">
        <v>25</v>
      </c>
      <c r="G8" s="37" t="s">
        <v>24</v>
      </c>
      <c r="H8" s="36" t="s">
        <v>23</v>
      </c>
    </row>
    <row r="9" spans="1:10" ht="24.95" customHeight="1" x14ac:dyDescent="0.15">
      <c r="A9" s="19">
        <v>1</v>
      </c>
      <c r="B9" s="35" t="s">
        <v>22</v>
      </c>
      <c r="C9" s="21">
        <v>1</v>
      </c>
      <c r="D9" s="34" t="s">
        <v>21</v>
      </c>
      <c r="E9" s="33" t="s">
        <v>12</v>
      </c>
      <c r="F9" s="15">
        <v>77040</v>
      </c>
      <c r="G9" s="63"/>
      <c r="H9" s="64"/>
    </row>
    <row r="10" spans="1:10" ht="24.95" customHeight="1" x14ac:dyDescent="0.15">
      <c r="A10" s="19">
        <v>2</v>
      </c>
      <c r="B10" s="18" t="s">
        <v>20</v>
      </c>
      <c r="C10" s="16">
        <v>1</v>
      </c>
      <c r="D10" s="17" t="s">
        <v>19</v>
      </c>
      <c r="E10" s="32" t="s">
        <v>12</v>
      </c>
      <c r="F10" s="15">
        <v>11076</v>
      </c>
      <c r="G10" s="65"/>
      <c r="H10" s="64"/>
    </row>
    <row r="11" spans="1:10" ht="24.95" customHeight="1" x14ac:dyDescent="0.15">
      <c r="A11" s="19">
        <v>3</v>
      </c>
      <c r="B11" s="18" t="s">
        <v>18</v>
      </c>
      <c r="C11" s="16">
        <v>1</v>
      </c>
      <c r="D11" s="17" t="s">
        <v>17</v>
      </c>
      <c r="E11" s="32" t="s">
        <v>12</v>
      </c>
      <c r="F11" s="15">
        <v>77640</v>
      </c>
      <c r="G11" s="65"/>
      <c r="H11" s="64"/>
    </row>
    <row r="12" spans="1:10" ht="24.95" customHeight="1" x14ac:dyDescent="0.15">
      <c r="A12" s="19">
        <v>4</v>
      </c>
      <c r="B12" s="18" t="s">
        <v>16</v>
      </c>
      <c r="C12" s="16">
        <v>1</v>
      </c>
      <c r="D12" s="17" t="s">
        <v>15</v>
      </c>
      <c r="E12" s="32" t="s">
        <v>12</v>
      </c>
      <c r="F12" s="15">
        <v>78815</v>
      </c>
      <c r="G12" s="65"/>
      <c r="H12" s="64"/>
    </row>
    <row r="13" spans="1:10" ht="24.95" customHeight="1" x14ac:dyDescent="0.15">
      <c r="A13" s="14">
        <v>5</v>
      </c>
      <c r="B13" s="13" t="s">
        <v>14</v>
      </c>
      <c r="C13" s="12">
        <v>1</v>
      </c>
      <c r="D13" s="26" t="s">
        <v>14</v>
      </c>
      <c r="E13" s="31" t="s">
        <v>12</v>
      </c>
      <c r="F13" s="11">
        <v>2250</v>
      </c>
      <c r="G13" s="66"/>
      <c r="H13" s="67"/>
    </row>
    <row r="14" spans="1:10" ht="24.95" customHeight="1" x14ac:dyDescent="0.15">
      <c r="A14" s="19">
        <v>6</v>
      </c>
      <c r="B14" s="24" t="s">
        <v>13</v>
      </c>
      <c r="C14" s="23">
        <v>1</v>
      </c>
      <c r="D14" s="22" t="s">
        <v>13</v>
      </c>
      <c r="E14" s="28" t="s">
        <v>12</v>
      </c>
      <c r="F14" s="20">
        <v>2250</v>
      </c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7</vt:lpstr>
      <vt:lpstr>'237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3:25Z</dcterms:created>
  <dcterms:modified xsi:type="dcterms:W3CDTF">2022-03-01T11:59:28Z</dcterms:modified>
</cp:coreProperties>
</file>